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100626\OneDrive - University of Edinburgh\Year 2 - Energy System Modelling\Q3 - Analysis\Capacity factors\Wave\"/>
    </mc:Choice>
  </mc:AlternateContent>
  <bookViews>
    <workbookView xWindow="0" yWindow="0" windowWidth="28800" windowHeight="12450" activeTab="1"/>
  </bookViews>
  <sheets>
    <sheet name="capacity_factors" sheetId="1" r:id="rId1"/>
    <sheet name="summary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2" i="2" l="1"/>
  <c r="D2" i="2"/>
  <c r="E2" i="2"/>
  <c r="F2" i="2"/>
  <c r="G2" i="2"/>
  <c r="H2" i="2"/>
  <c r="I2" i="2"/>
  <c r="J2" i="2"/>
  <c r="K2" i="2"/>
  <c r="L2" i="2"/>
  <c r="M2" i="2"/>
  <c r="N2" i="2"/>
  <c r="O2" i="2"/>
  <c r="P2" i="2"/>
  <c r="Q2" i="2"/>
  <c r="R2" i="2"/>
  <c r="C3" i="2"/>
  <c r="D3" i="2"/>
  <c r="E3" i="2"/>
  <c r="F3" i="2"/>
  <c r="G3" i="2"/>
  <c r="H3" i="2"/>
  <c r="I3" i="2"/>
  <c r="J3" i="2"/>
  <c r="K3" i="2"/>
  <c r="L3" i="2"/>
  <c r="M3" i="2"/>
  <c r="N3" i="2"/>
  <c r="O3" i="2"/>
  <c r="P3" i="2"/>
  <c r="Q3" i="2"/>
  <c r="R3" i="2"/>
  <c r="C1" i="2" l="1"/>
  <c r="D1" i="2"/>
  <c r="E1" i="2"/>
  <c r="F1" i="2"/>
  <c r="G1" i="2"/>
  <c r="H1" i="2"/>
  <c r="I1" i="2"/>
  <c r="J1" i="2"/>
  <c r="K1" i="2"/>
  <c r="L1" i="2"/>
  <c r="M1" i="2"/>
  <c r="N1" i="2"/>
  <c r="O1" i="2"/>
  <c r="P1" i="2"/>
  <c r="Q1" i="2"/>
  <c r="R1" i="2"/>
  <c r="B1" i="2"/>
  <c r="R7" i="2" l="1"/>
  <c r="B2" i="2"/>
  <c r="B3" i="2"/>
  <c r="P7" i="2" l="1"/>
  <c r="H7" i="2"/>
  <c r="O7" i="2"/>
  <c r="G7" i="2"/>
  <c r="N7" i="2"/>
  <c r="F7" i="2"/>
  <c r="M7" i="2"/>
  <c r="E7" i="2"/>
  <c r="L7" i="2"/>
  <c r="B7" i="2"/>
  <c r="K7" i="2"/>
  <c r="D7" i="2"/>
  <c r="J7" i="2"/>
  <c r="Q7" i="2"/>
  <c r="I7" i="2"/>
  <c r="J4" i="2"/>
  <c r="L4" i="2" l="1"/>
  <c r="N4" i="2"/>
  <c r="P4" i="2"/>
  <c r="D4" i="2"/>
  <c r="E4" i="2"/>
  <c r="G4" i="2"/>
  <c r="I4" i="2"/>
  <c r="K4" i="2"/>
  <c r="M4" i="2"/>
  <c r="O4" i="2"/>
  <c r="Q4" i="2"/>
  <c r="B4" i="2"/>
  <c r="F4" i="2"/>
  <c r="H4" i="2"/>
  <c r="C7" i="2"/>
  <c r="C4" i="2"/>
  <c r="R4" i="2"/>
</calcChain>
</file>

<file path=xl/sharedStrings.xml><?xml version="1.0" encoding="utf-8"?>
<sst xmlns="http://schemas.openxmlformats.org/spreadsheetml/2006/main" count="25" uniqueCount="25">
  <si>
    <t>Time stamp [dd/mm/yyyy hh:mm:ss]</t>
  </si>
  <si>
    <t>Average</t>
  </si>
  <si>
    <t>Maximum</t>
  </si>
  <si>
    <t>Rank</t>
  </si>
  <si>
    <t>Arn</t>
  </si>
  <si>
    <t>Ber</t>
  </si>
  <si>
    <t>Bla</t>
  </si>
  <si>
    <t>Bro</t>
  </si>
  <si>
    <t>Far-Poi</t>
  </si>
  <si>
    <t>Har</t>
  </si>
  <si>
    <t>May</t>
  </si>
  <si>
    <t>Pem</t>
  </si>
  <si>
    <t>Pem-Dem</t>
  </si>
  <si>
    <t>Pen</t>
  </si>
  <si>
    <t>Sca</t>
  </si>
  <si>
    <t>St-Mar</t>
  </si>
  <si>
    <t>Tir</t>
  </si>
  <si>
    <t>Wav-Hub</t>
  </si>
  <si>
    <t>Wes-Heb</t>
  </si>
  <si>
    <t>Wes-Lew</t>
  </si>
  <si>
    <t>Wes-Ork</t>
  </si>
  <si>
    <t>Rated Power</t>
  </si>
  <si>
    <t>kW</t>
  </si>
  <si>
    <t>Average AEP</t>
  </si>
  <si>
    <t>GWh/yea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Calibri"/>
      <family val="2"/>
      <scheme val="minor"/>
    </font>
    <font>
      <sz val="1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22" fontId="0" fillId="0" borderId="0" xfId="0" applyNumberFormat="1"/>
    <xf numFmtId="0" fontId="0" fillId="0" borderId="0" xfId="0" applyFill="1"/>
    <xf numFmtId="2" fontId="0" fillId="0" borderId="0" xfId="0" applyNumberFormat="1"/>
    <xf numFmtId="0" fontId="1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7"/>
  <sheetViews>
    <sheetView tabSelected="1" zoomScale="85" zoomScaleNormal="85" workbookViewId="0">
      <selection activeCell="C10" sqref="C10"/>
    </sheetView>
  </sheetViews>
  <sheetFormatPr defaultRowHeight="14.5" x14ac:dyDescent="0.35"/>
  <cols>
    <col min="1" max="1" width="11.453125" bestFit="1" customWidth="1"/>
  </cols>
  <sheetData>
    <row r="1" spans="1:19" x14ac:dyDescent="0.35">
      <c r="B1" s="2" t="str">
        <f>capacity_factors!B1</f>
        <v>Arn</v>
      </c>
      <c r="C1" s="2" t="str">
        <f>capacity_factors!C1</f>
        <v>Ber</v>
      </c>
      <c r="D1" s="2" t="str">
        <f>capacity_factors!D1</f>
        <v>Bla</v>
      </c>
      <c r="E1" s="2" t="str">
        <f>capacity_factors!E1</f>
        <v>Bro</v>
      </c>
      <c r="F1" s="2" t="str">
        <f>capacity_factors!F1</f>
        <v>Far-Poi</v>
      </c>
      <c r="G1" s="2" t="str">
        <f>capacity_factors!G1</f>
        <v>Har</v>
      </c>
      <c r="H1" s="2" t="str">
        <f>capacity_factors!H1</f>
        <v>May</v>
      </c>
      <c r="I1" s="2" t="str">
        <f>capacity_factors!I1</f>
        <v>Pem</v>
      </c>
      <c r="J1" s="2" t="str">
        <f>capacity_factors!J1</f>
        <v>Pem-Dem</v>
      </c>
      <c r="K1" s="2" t="str">
        <f>capacity_factors!K1</f>
        <v>Pen</v>
      </c>
      <c r="L1" s="2" t="str">
        <f>capacity_factors!L1</f>
        <v>Sca</v>
      </c>
      <c r="M1" s="2" t="str">
        <f>capacity_factors!M1</f>
        <v>St-Mar</v>
      </c>
      <c r="N1" s="2" t="str">
        <f>capacity_factors!N1</f>
        <v>Tir</v>
      </c>
      <c r="O1" s="2" t="str">
        <f>capacity_factors!O1</f>
        <v>Wav-Hub</v>
      </c>
      <c r="P1" s="2" t="str">
        <f>capacity_factors!P1</f>
        <v>Wes-Heb</v>
      </c>
      <c r="Q1" s="2" t="str">
        <f>capacity_factors!Q1</f>
        <v>Wes-Lew</v>
      </c>
      <c r="R1" s="2" t="str">
        <f>capacity_factors!R1</f>
        <v>Wes-Ork</v>
      </c>
    </row>
    <row r="2" spans="1:19" x14ac:dyDescent="0.35">
      <c r="A2" t="s">
        <v>1</v>
      </c>
      <c r="B2" s="3">
        <f>AVERAGE(capacity_factors!B2:B262969)</f>
        <v>0.14297226024965454</v>
      </c>
      <c r="C2" s="3">
        <f>AVERAGE(capacity_factors!C2:C262969)</f>
        <v>0.16990351677773957</v>
      </c>
      <c r="D2" s="3">
        <f>AVERAGE(capacity_factors!D2:D262969)</f>
        <v>0.14149490432295028</v>
      </c>
      <c r="E2" s="3">
        <f>AVERAGE(capacity_factors!E2:E262969)</f>
        <v>0.15552699441251042</v>
      </c>
      <c r="F2" s="3">
        <f>AVERAGE(capacity_factors!F2:F262969)</f>
        <v>0.18062327989214699</v>
      </c>
      <c r="G2" s="3">
        <f>AVERAGE(capacity_factors!G2:G262969)</f>
        <v>0.12820211331156717</v>
      </c>
      <c r="H2" s="3">
        <f>AVERAGE(capacity_factors!H2:H262969)</f>
        <v>0.12691605062206873</v>
      </c>
      <c r="I2" s="3">
        <f>AVERAGE(capacity_factors!I2:I262969)</f>
        <v>0.11467522030559381</v>
      </c>
      <c r="J2" s="3">
        <f>AVERAGE(capacity_factors!J2:J262969)</f>
        <v>0.1113592173445251</v>
      </c>
      <c r="K2" s="3">
        <f>AVERAGE(capacity_factors!K2:K262969)</f>
        <v>0.12157682557060963</v>
      </c>
      <c r="L2" s="3">
        <f>AVERAGE(capacity_factors!L2:L262969)</f>
        <v>4.9697174814674852E-2</v>
      </c>
      <c r="M2" s="3">
        <f>AVERAGE(capacity_factors!M2:M262969)</f>
        <v>0.16065216046566494</v>
      </c>
      <c r="N2" s="3">
        <f>AVERAGE(capacity_factors!N2:N262969)</f>
        <v>0.14321280662791952</v>
      </c>
      <c r="O2" s="3">
        <f>AVERAGE(capacity_factors!O2:O262969)</f>
        <v>0.10387066106898198</v>
      </c>
      <c r="P2" s="3">
        <f>AVERAGE(capacity_factors!P2:P262969)</f>
        <v>0.20008629693858748</v>
      </c>
      <c r="Q2" s="3">
        <f>AVERAGE(capacity_factors!Q2:Q262969)</f>
        <v>0.16990351677773957</v>
      </c>
      <c r="R2" s="3">
        <f>AVERAGE(capacity_factors!R2:R262969)</f>
        <v>0.14319993307169773</v>
      </c>
    </row>
    <row r="3" spans="1:19" x14ac:dyDescent="0.35">
      <c r="A3" t="s">
        <v>2</v>
      </c>
      <c r="B3" s="3">
        <f>MAX(capacity_factors!B2:B262969)</f>
        <v>1</v>
      </c>
      <c r="C3" s="3">
        <f>MAX(capacity_factors!C2:C262969)</f>
        <v>1</v>
      </c>
      <c r="D3" s="3">
        <f>MAX(capacity_factors!D2:D262969)</f>
        <v>1</v>
      </c>
      <c r="E3" s="3">
        <f>MAX(capacity_factors!E2:E262969)</f>
        <v>1</v>
      </c>
      <c r="F3" s="3">
        <f>MAX(capacity_factors!F2:F262969)</f>
        <v>1</v>
      </c>
      <c r="G3" s="3">
        <f>MAX(capacity_factors!G2:G262969)</f>
        <v>1</v>
      </c>
      <c r="H3" s="3">
        <f>MAX(capacity_factors!H2:H262969)</f>
        <v>1</v>
      </c>
      <c r="I3" s="3">
        <f>MAX(capacity_factors!I2:I262969)</f>
        <v>1</v>
      </c>
      <c r="J3" s="3">
        <f>MAX(capacity_factors!J2:J262969)</f>
        <v>1</v>
      </c>
      <c r="K3" s="3">
        <f>MAX(capacity_factors!K2:K262969)</f>
        <v>1</v>
      </c>
      <c r="L3" s="3">
        <f>MAX(capacity_factors!L2:L262969)</f>
        <v>0.92</v>
      </c>
      <c r="M3" s="3">
        <f>MAX(capacity_factors!M2:M262969)</f>
        <v>1</v>
      </c>
      <c r="N3" s="3">
        <f>MAX(capacity_factors!N2:N262969)</f>
        <v>1</v>
      </c>
      <c r="O3" s="3">
        <f>MAX(capacity_factors!O2:O262969)</f>
        <v>1</v>
      </c>
      <c r="P3" s="3">
        <f>MAX(capacity_factors!P2:P262969)</f>
        <v>1</v>
      </c>
      <c r="Q3" s="3">
        <f>MAX(capacity_factors!Q2:Q262969)</f>
        <v>1</v>
      </c>
      <c r="R3" s="3">
        <f>MAX(capacity_factors!R2:R262969)</f>
        <v>1</v>
      </c>
    </row>
    <row r="4" spans="1:19" x14ac:dyDescent="0.35">
      <c r="A4" t="s">
        <v>3</v>
      </c>
      <c r="B4">
        <f>RANK(B2,$B$2:$R$2)</f>
        <v>9</v>
      </c>
      <c r="C4">
        <f>RANK(C2,$B$2:$R$2)</f>
        <v>3</v>
      </c>
      <c r="D4">
        <f>RANK(D2,$B$2:$R$2)</f>
        <v>10</v>
      </c>
      <c r="E4">
        <f>RANK(E2,$B$2:$R$2)</f>
        <v>6</v>
      </c>
      <c r="F4">
        <f>RANK(F2,$B$2:$R$2)</f>
        <v>2</v>
      </c>
      <c r="G4">
        <f>RANK(G2,$B$2:$R$2)</f>
        <v>11</v>
      </c>
      <c r="H4">
        <f>RANK(H2,$B$2:$R$2)</f>
        <v>12</v>
      </c>
      <c r="I4">
        <f>RANK(I2,$B$2:$R$2)</f>
        <v>14</v>
      </c>
      <c r="J4">
        <f>RANK(J2,$B$2:$R$2)</f>
        <v>15</v>
      </c>
      <c r="K4">
        <f>RANK(K2,$B$2:$R$2)</f>
        <v>13</v>
      </c>
      <c r="L4">
        <f>RANK(L2,$B$2:$R$2)</f>
        <v>17</v>
      </c>
      <c r="M4">
        <f>RANK(M2,$B$2:$R$2)</f>
        <v>5</v>
      </c>
      <c r="N4">
        <f>RANK(N2,$B$2:$R$2)</f>
        <v>7</v>
      </c>
      <c r="O4">
        <f>RANK(O2,$B$2:$R$2)</f>
        <v>16</v>
      </c>
      <c r="P4">
        <f>RANK(P2,$B$2:$R$2)</f>
        <v>1</v>
      </c>
      <c r="Q4">
        <f>RANK(Q2,$B$2:$R$2)</f>
        <v>3</v>
      </c>
      <c r="R4">
        <f>RANK(R2,$B$2:$R$2)</f>
        <v>8</v>
      </c>
    </row>
    <row r="6" spans="1:19" x14ac:dyDescent="0.35">
      <c r="A6" t="s">
        <v>21</v>
      </c>
      <c r="B6">
        <v>750</v>
      </c>
      <c r="C6" t="s">
        <v>22</v>
      </c>
    </row>
    <row r="7" spans="1:19" x14ac:dyDescent="0.35">
      <c r="A7" t="s">
        <v>23</v>
      </c>
      <c r="B7" s="3">
        <f>B2*($B$6/1000)*262968/29/1000</f>
        <v>0.97233955172408149</v>
      </c>
      <c r="C7" s="3">
        <f t="shared" ref="C7:R7" si="0">C2*($B$6/1000)*262968/29/1000</f>
        <v>1.1554962413795333</v>
      </c>
      <c r="D7" s="3">
        <f t="shared" si="0"/>
        <v>0.96229220689648931</v>
      </c>
      <c r="E7" s="3">
        <f t="shared" si="0"/>
        <v>1.0577230000000613</v>
      </c>
      <c r="F7" s="3">
        <f t="shared" si="0"/>
        <v>1.2284002413796062</v>
      </c>
      <c r="G7" s="3">
        <f t="shared" si="0"/>
        <v>0.87188931034438444</v>
      </c>
      <c r="H7" s="3">
        <f t="shared" si="0"/>
        <v>0.86314293103407325</v>
      </c>
      <c r="I7" s="3">
        <f t="shared" si="0"/>
        <v>0.77989431034451873</v>
      </c>
      <c r="J7" s="3">
        <f t="shared" si="0"/>
        <v>0.7573425172410797</v>
      </c>
      <c r="K7" s="3">
        <f t="shared" si="0"/>
        <v>0.82683141379272607</v>
      </c>
      <c r="L7" s="3">
        <f t="shared" si="0"/>
        <v>0.33798534482755394</v>
      </c>
      <c r="M7" s="3">
        <f t="shared" si="0"/>
        <v>1.0925787241379734</v>
      </c>
      <c r="N7" s="3">
        <f t="shared" si="0"/>
        <v>0.97397548275855361</v>
      </c>
      <c r="O7" s="3">
        <f t="shared" si="0"/>
        <v>0.70641362068934621</v>
      </c>
      <c r="P7" s="3">
        <f t="shared" si="0"/>
        <v>1.3607662068968913</v>
      </c>
      <c r="Q7" s="3">
        <f t="shared" si="0"/>
        <v>1.1554962413795333</v>
      </c>
      <c r="R7" s="3">
        <f t="shared" si="0"/>
        <v>0.97388793103443627</v>
      </c>
      <c r="S7" t="s">
        <v>24</v>
      </c>
    </row>
  </sheetData>
  <conditionalFormatting sqref="B3:R3">
    <cfRule type="colorScale" priority="9">
      <colorScale>
        <cfvo type="min"/>
        <cfvo type="percentile" val="50"/>
        <cfvo type="max"/>
        <color rgb="FFF8696B"/>
        <color rgb="FFFFEB84"/>
        <color rgb="FF63BE7B"/>
      </colorScale>
    </cfRule>
  </conditionalFormatting>
  <conditionalFormatting sqref="B2:R2">
    <cfRule type="colorScale" priority="11">
      <colorScale>
        <cfvo type="min"/>
        <cfvo type="percentile" val="50"/>
        <cfvo type="max"/>
        <color rgb="FFF8696B"/>
        <color rgb="FFFFEB84"/>
        <color rgb="FF63BE7B"/>
      </colorScale>
    </cfRule>
  </conditionalFormatting>
  <conditionalFormatting sqref="B4:R4">
    <cfRule type="colorScale" priority="13">
      <colorScale>
        <cfvo type="min"/>
        <cfvo type="percentile" val="50"/>
        <cfvo type="max"/>
        <color rgb="FF5A8AC6"/>
        <color rgb="FFFCFCFF"/>
        <color rgb="FFF8696B"/>
      </colorScale>
    </cfRule>
  </conditionalFormatting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4D845749611EA4C8624BB0749477606" ma:contentTypeVersion="14" ma:contentTypeDescription="Create a new document." ma:contentTypeScope="" ma:versionID="db22c31203cda416f2dbeab8713e41c9">
  <xsd:schema xmlns:xsd="http://www.w3.org/2001/XMLSchema" xmlns:xs="http://www.w3.org/2001/XMLSchema" xmlns:p="http://schemas.microsoft.com/office/2006/metadata/properties" xmlns:ns3="3e024f9b-2e2d-4f1c-b440-57efc902fc77" xmlns:ns4="5b3066ba-4cd6-475a-ab49-b036cbc58b74" targetNamespace="http://schemas.microsoft.com/office/2006/metadata/properties" ma:root="true" ma:fieldsID="d0a8c95347e59b8a6ed0a26052ccff3c" ns3:_="" ns4:_="">
    <xsd:import namespace="3e024f9b-2e2d-4f1c-b440-57efc902fc77"/>
    <xsd:import namespace="5b3066ba-4cd6-475a-ab49-b036cbc58b74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  <xsd:element ref="ns3:MediaServiceDateTaken" minOccurs="0"/>
                <xsd:element ref="ns3:MediaServiceLocation" minOccurs="0"/>
                <xsd:element ref="ns4:SharedWithUsers" minOccurs="0"/>
                <xsd:element ref="ns4:SharedWithDetails" minOccurs="0"/>
                <xsd:element ref="ns4:SharingHintHash" minOccurs="0"/>
                <xsd:element ref="ns3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24f9b-2e2d-4f1c-b440-57efc902fc7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7" nillable="true" ma:displayName="Location" ma:internalName="MediaServiceLocatio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3066ba-4cd6-475a-ab49-b036cbc58b74" elementFormDefault="qualified">
    <xsd:import namespace="http://schemas.microsoft.com/office/2006/documentManagement/types"/>
    <xsd:import namespace="http://schemas.microsoft.com/office/infopath/2007/PartnerControls"/>
    <xsd:element name="SharedWithUsers" ma:index="1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20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4117C133-4C46-460C-A990-B8C5AA32810A}">
  <ds:schemaRefs>
    <ds:schemaRef ds:uri="http://purl.org/dc/terms/"/>
    <ds:schemaRef ds:uri="http://schemas.openxmlformats.org/package/2006/metadata/core-properties"/>
    <ds:schemaRef ds:uri="5b3066ba-4cd6-475a-ab49-b036cbc58b74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3e024f9b-2e2d-4f1c-b440-57efc902fc77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0686226B-74C6-41AE-8E25-FF3885EDD18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1B97A0C1-FE90-47D8-A0BD-369F67580BB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e024f9b-2e2d-4f1c-b440-57efc902fc77"/>
    <ds:schemaRef ds:uri="5b3066ba-4cd6-475a-ab49-b036cbc58b7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capacity_factors</vt:lpstr>
      <vt:lpstr>summary</vt:lpstr>
    </vt:vector>
  </TitlesOfParts>
  <Company>University of Edinburgh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TRUTHERS Iain</dc:creator>
  <cp:lastModifiedBy>STRUTHERS Iain</cp:lastModifiedBy>
  <dcterms:created xsi:type="dcterms:W3CDTF">2022-02-01T12:18:37Z</dcterms:created>
  <dcterms:modified xsi:type="dcterms:W3CDTF">2022-02-08T16:13:5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4D845749611EA4C8624BB0749477606</vt:lpwstr>
  </property>
</Properties>
</file>